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5\HP2005\"/>
    </mc:Choice>
  </mc:AlternateContent>
  <bookViews>
    <workbookView xWindow="0" yWindow="0" windowWidth="23040" windowHeight="9096"/>
  </bookViews>
  <sheets>
    <sheet name="jinko" sheetId="1" r:id="rId1"/>
  </sheets>
  <definedNames>
    <definedName name="_xlnm.Print_Area" localSheetId="0">jinko!$A$1:$AF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1" uniqueCount="32">
  <si>
    <t>富山市の人口</t>
  </si>
  <si>
    <t>住民基本台帳人口</t>
  </si>
  <si>
    <t>令和　　2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２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8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  <xf numFmtId="0" fontId="1" fillId="0" borderId="39" xfId="0" applyFont="1" applyBorder="1" applyAlignment="1">
      <alignment vertical="center"/>
    </xf>
    <xf numFmtId="180" fontId="1" fillId="0" borderId="39" xfId="0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3">
    <pageSetUpPr fitToPage="1"/>
  </sheetPr>
  <dimension ref="A1:AJ45"/>
  <sheetViews>
    <sheetView tabSelected="1" zoomScaleNormal="100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2187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/>
    <col min="34" max="36" width="0" style="2" hidden="1" customWidth="1"/>
    <col min="37" max="256" width="9" style="2"/>
    <col min="257" max="257" width="3.6640625" style="2" customWidth="1"/>
    <col min="258" max="263" width="5.6640625" style="2" customWidth="1"/>
    <col min="264" max="264" width="6.21875" style="2" customWidth="1"/>
    <col min="265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19" width="5.6640625" style="2" customWidth="1"/>
    <col min="520" max="520" width="6.21875" style="2" customWidth="1"/>
    <col min="521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75" width="5.6640625" style="2" customWidth="1"/>
    <col min="776" max="776" width="6.21875" style="2" customWidth="1"/>
    <col min="777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31" width="5.6640625" style="2" customWidth="1"/>
    <col min="1032" max="1032" width="6.21875" style="2" customWidth="1"/>
    <col min="1033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87" width="5.6640625" style="2" customWidth="1"/>
    <col min="1288" max="1288" width="6.21875" style="2" customWidth="1"/>
    <col min="1289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43" width="5.6640625" style="2" customWidth="1"/>
    <col min="1544" max="1544" width="6.21875" style="2" customWidth="1"/>
    <col min="1545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799" width="5.6640625" style="2" customWidth="1"/>
    <col min="1800" max="1800" width="6.21875" style="2" customWidth="1"/>
    <col min="1801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55" width="5.6640625" style="2" customWidth="1"/>
    <col min="2056" max="2056" width="6.21875" style="2" customWidth="1"/>
    <col min="2057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11" width="5.6640625" style="2" customWidth="1"/>
    <col min="2312" max="2312" width="6.21875" style="2" customWidth="1"/>
    <col min="2313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67" width="5.6640625" style="2" customWidth="1"/>
    <col min="2568" max="2568" width="6.21875" style="2" customWidth="1"/>
    <col min="2569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23" width="5.6640625" style="2" customWidth="1"/>
    <col min="2824" max="2824" width="6.21875" style="2" customWidth="1"/>
    <col min="2825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79" width="5.6640625" style="2" customWidth="1"/>
    <col min="3080" max="3080" width="6.21875" style="2" customWidth="1"/>
    <col min="3081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35" width="5.6640625" style="2" customWidth="1"/>
    <col min="3336" max="3336" width="6.21875" style="2" customWidth="1"/>
    <col min="3337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591" width="5.6640625" style="2" customWidth="1"/>
    <col min="3592" max="3592" width="6.21875" style="2" customWidth="1"/>
    <col min="3593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47" width="5.6640625" style="2" customWidth="1"/>
    <col min="3848" max="3848" width="6.21875" style="2" customWidth="1"/>
    <col min="3849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03" width="5.6640625" style="2" customWidth="1"/>
    <col min="4104" max="4104" width="6.21875" style="2" customWidth="1"/>
    <col min="4105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59" width="5.6640625" style="2" customWidth="1"/>
    <col min="4360" max="4360" width="6.21875" style="2" customWidth="1"/>
    <col min="4361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15" width="5.6640625" style="2" customWidth="1"/>
    <col min="4616" max="4616" width="6.21875" style="2" customWidth="1"/>
    <col min="4617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71" width="5.6640625" style="2" customWidth="1"/>
    <col min="4872" max="4872" width="6.21875" style="2" customWidth="1"/>
    <col min="4873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27" width="5.6640625" style="2" customWidth="1"/>
    <col min="5128" max="5128" width="6.21875" style="2" customWidth="1"/>
    <col min="5129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83" width="5.6640625" style="2" customWidth="1"/>
    <col min="5384" max="5384" width="6.21875" style="2" customWidth="1"/>
    <col min="5385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39" width="5.6640625" style="2" customWidth="1"/>
    <col min="5640" max="5640" width="6.21875" style="2" customWidth="1"/>
    <col min="5641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895" width="5.6640625" style="2" customWidth="1"/>
    <col min="5896" max="5896" width="6.21875" style="2" customWidth="1"/>
    <col min="5897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51" width="5.6640625" style="2" customWidth="1"/>
    <col min="6152" max="6152" width="6.21875" style="2" customWidth="1"/>
    <col min="6153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07" width="5.6640625" style="2" customWidth="1"/>
    <col min="6408" max="6408" width="6.21875" style="2" customWidth="1"/>
    <col min="6409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63" width="5.6640625" style="2" customWidth="1"/>
    <col min="6664" max="6664" width="6.21875" style="2" customWidth="1"/>
    <col min="6665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19" width="5.6640625" style="2" customWidth="1"/>
    <col min="6920" max="6920" width="6.21875" style="2" customWidth="1"/>
    <col min="6921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75" width="5.6640625" style="2" customWidth="1"/>
    <col min="7176" max="7176" width="6.21875" style="2" customWidth="1"/>
    <col min="7177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31" width="5.6640625" style="2" customWidth="1"/>
    <col min="7432" max="7432" width="6.21875" style="2" customWidth="1"/>
    <col min="7433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87" width="5.6640625" style="2" customWidth="1"/>
    <col min="7688" max="7688" width="6.21875" style="2" customWidth="1"/>
    <col min="7689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43" width="5.6640625" style="2" customWidth="1"/>
    <col min="7944" max="7944" width="6.21875" style="2" customWidth="1"/>
    <col min="7945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199" width="5.6640625" style="2" customWidth="1"/>
    <col min="8200" max="8200" width="6.21875" style="2" customWidth="1"/>
    <col min="8201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55" width="5.6640625" style="2" customWidth="1"/>
    <col min="8456" max="8456" width="6.21875" style="2" customWidth="1"/>
    <col min="8457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11" width="5.6640625" style="2" customWidth="1"/>
    <col min="8712" max="8712" width="6.21875" style="2" customWidth="1"/>
    <col min="8713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67" width="5.6640625" style="2" customWidth="1"/>
    <col min="8968" max="8968" width="6.21875" style="2" customWidth="1"/>
    <col min="8969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23" width="5.6640625" style="2" customWidth="1"/>
    <col min="9224" max="9224" width="6.21875" style="2" customWidth="1"/>
    <col min="9225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79" width="5.6640625" style="2" customWidth="1"/>
    <col min="9480" max="9480" width="6.21875" style="2" customWidth="1"/>
    <col min="9481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35" width="5.6640625" style="2" customWidth="1"/>
    <col min="9736" max="9736" width="6.21875" style="2" customWidth="1"/>
    <col min="9737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9991" width="5.6640625" style="2" customWidth="1"/>
    <col min="9992" max="9992" width="6.21875" style="2" customWidth="1"/>
    <col min="9993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47" width="5.6640625" style="2" customWidth="1"/>
    <col min="10248" max="10248" width="6.21875" style="2" customWidth="1"/>
    <col min="10249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03" width="5.6640625" style="2" customWidth="1"/>
    <col min="10504" max="10504" width="6.21875" style="2" customWidth="1"/>
    <col min="10505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59" width="5.6640625" style="2" customWidth="1"/>
    <col min="10760" max="10760" width="6.21875" style="2" customWidth="1"/>
    <col min="10761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15" width="5.6640625" style="2" customWidth="1"/>
    <col min="11016" max="11016" width="6.21875" style="2" customWidth="1"/>
    <col min="11017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71" width="5.6640625" style="2" customWidth="1"/>
    <col min="11272" max="11272" width="6.21875" style="2" customWidth="1"/>
    <col min="11273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27" width="5.6640625" style="2" customWidth="1"/>
    <col min="11528" max="11528" width="6.21875" style="2" customWidth="1"/>
    <col min="11529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83" width="5.6640625" style="2" customWidth="1"/>
    <col min="11784" max="11784" width="6.21875" style="2" customWidth="1"/>
    <col min="11785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39" width="5.6640625" style="2" customWidth="1"/>
    <col min="12040" max="12040" width="6.21875" style="2" customWidth="1"/>
    <col min="12041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295" width="5.6640625" style="2" customWidth="1"/>
    <col min="12296" max="12296" width="6.21875" style="2" customWidth="1"/>
    <col min="12297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51" width="5.6640625" style="2" customWidth="1"/>
    <col min="12552" max="12552" width="6.21875" style="2" customWidth="1"/>
    <col min="12553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07" width="5.6640625" style="2" customWidth="1"/>
    <col min="12808" max="12808" width="6.21875" style="2" customWidth="1"/>
    <col min="12809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63" width="5.6640625" style="2" customWidth="1"/>
    <col min="13064" max="13064" width="6.21875" style="2" customWidth="1"/>
    <col min="13065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19" width="5.6640625" style="2" customWidth="1"/>
    <col min="13320" max="13320" width="6.21875" style="2" customWidth="1"/>
    <col min="13321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75" width="5.6640625" style="2" customWidth="1"/>
    <col min="13576" max="13576" width="6.21875" style="2" customWidth="1"/>
    <col min="13577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31" width="5.6640625" style="2" customWidth="1"/>
    <col min="13832" max="13832" width="6.21875" style="2" customWidth="1"/>
    <col min="13833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87" width="5.6640625" style="2" customWidth="1"/>
    <col min="14088" max="14088" width="6.21875" style="2" customWidth="1"/>
    <col min="14089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43" width="5.6640625" style="2" customWidth="1"/>
    <col min="14344" max="14344" width="6.21875" style="2" customWidth="1"/>
    <col min="14345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599" width="5.6640625" style="2" customWidth="1"/>
    <col min="14600" max="14600" width="6.21875" style="2" customWidth="1"/>
    <col min="14601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55" width="5.6640625" style="2" customWidth="1"/>
    <col min="14856" max="14856" width="6.21875" style="2" customWidth="1"/>
    <col min="14857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11" width="5.6640625" style="2" customWidth="1"/>
    <col min="15112" max="15112" width="6.21875" style="2" customWidth="1"/>
    <col min="15113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67" width="5.6640625" style="2" customWidth="1"/>
    <col min="15368" max="15368" width="6.21875" style="2" customWidth="1"/>
    <col min="15369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23" width="5.6640625" style="2" customWidth="1"/>
    <col min="15624" max="15624" width="6.21875" style="2" customWidth="1"/>
    <col min="15625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79" width="5.6640625" style="2" customWidth="1"/>
    <col min="15880" max="15880" width="6.21875" style="2" customWidth="1"/>
    <col min="15881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35" width="5.6640625" style="2" customWidth="1"/>
    <col min="16136" max="16136" width="6.21875" style="2" customWidth="1"/>
    <col min="16137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5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099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4766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2184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2582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100</v>
      </c>
      <c r="D18" s="51">
        <v>210</v>
      </c>
      <c r="E18" s="50">
        <v>217</v>
      </c>
      <c r="F18" s="50">
        <v>247</v>
      </c>
      <c r="G18" s="51">
        <v>464</v>
      </c>
      <c r="H18" s="51">
        <v>-254</v>
      </c>
      <c r="I18" s="50">
        <v>301</v>
      </c>
      <c r="J18" s="50">
        <v>96</v>
      </c>
      <c r="K18" s="50">
        <v>105</v>
      </c>
      <c r="L18" s="51">
        <v>201</v>
      </c>
      <c r="M18" s="50">
        <v>355</v>
      </c>
      <c r="N18" s="50">
        <v>298</v>
      </c>
      <c r="O18" s="50">
        <v>228</v>
      </c>
      <c r="P18" s="51">
        <v>526</v>
      </c>
      <c r="Q18" s="51">
        <v>727</v>
      </c>
      <c r="R18" s="50">
        <v>392</v>
      </c>
      <c r="S18" s="50">
        <v>126</v>
      </c>
      <c r="T18" s="50">
        <v>114</v>
      </c>
      <c r="U18" s="51">
        <v>240</v>
      </c>
      <c r="V18" s="50">
        <v>252</v>
      </c>
      <c r="W18" s="50">
        <v>269</v>
      </c>
      <c r="X18" s="50">
        <v>194</v>
      </c>
      <c r="Y18" s="51">
        <v>463</v>
      </c>
      <c r="Z18" s="51">
        <v>703</v>
      </c>
      <c r="AA18" s="51">
        <v>24</v>
      </c>
      <c r="AB18" s="51">
        <v>-230</v>
      </c>
      <c r="AC18" s="52">
        <v>180046</v>
      </c>
      <c r="AD18" s="52">
        <v>202380</v>
      </c>
      <c r="AE18" s="52">
        <v>213155</v>
      </c>
      <c r="AF18" s="53">
        <v>415535</v>
      </c>
    </row>
    <row r="19" spans="1:32" ht="20.100000000000001" customHeight="1" x14ac:dyDescent="0.2">
      <c r="A19" s="54">
        <v>2</v>
      </c>
      <c r="B19" s="55">
        <v>100</v>
      </c>
      <c r="C19" s="55">
        <v>96</v>
      </c>
      <c r="D19" s="56">
        <v>196</v>
      </c>
      <c r="E19" s="55">
        <v>199</v>
      </c>
      <c r="F19" s="55">
        <v>184</v>
      </c>
      <c r="G19" s="56">
        <v>383</v>
      </c>
      <c r="H19" s="56">
        <v>-187</v>
      </c>
      <c r="I19" s="55">
        <v>333</v>
      </c>
      <c r="J19" s="55">
        <v>125</v>
      </c>
      <c r="K19" s="55">
        <v>127</v>
      </c>
      <c r="L19" s="56">
        <v>252</v>
      </c>
      <c r="M19" s="55">
        <v>328</v>
      </c>
      <c r="N19" s="55">
        <v>305</v>
      </c>
      <c r="O19" s="55">
        <v>190</v>
      </c>
      <c r="P19" s="56">
        <v>495</v>
      </c>
      <c r="Q19" s="56">
        <v>747</v>
      </c>
      <c r="R19" s="55">
        <v>342</v>
      </c>
      <c r="S19" s="55">
        <v>115</v>
      </c>
      <c r="T19" s="55">
        <v>114</v>
      </c>
      <c r="U19" s="56">
        <v>229</v>
      </c>
      <c r="V19" s="55">
        <v>269</v>
      </c>
      <c r="W19" s="55">
        <v>289</v>
      </c>
      <c r="X19" s="55">
        <v>242</v>
      </c>
      <c r="Y19" s="56">
        <v>531</v>
      </c>
      <c r="Z19" s="56">
        <v>760</v>
      </c>
      <c r="AA19" s="56">
        <v>-13</v>
      </c>
      <c r="AB19" s="56">
        <v>-200</v>
      </c>
      <c r="AC19" s="57">
        <v>180096</v>
      </c>
      <c r="AD19" s="57">
        <v>202307</v>
      </c>
      <c r="AE19" s="57">
        <v>213028</v>
      </c>
      <c r="AF19" s="58">
        <v>415335</v>
      </c>
    </row>
    <row r="20" spans="1:32" ht="20.100000000000001" customHeight="1" x14ac:dyDescent="0.2">
      <c r="A20" s="54">
        <v>3</v>
      </c>
      <c r="B20" s="55">
        <v>131</v>
      </c>
      <c r="C20" s="55">
        <v>126</v>
      </c>
      <c r="D20" s="56">
        <v>257</v>
      </c>
      <c r="E20" s="55">
        <v>206</v>
      </c>
      <c r="F20" s="55">
        <v>190</v>
      </c>
      <c r="G20" s="56">
        <v>396</v>
      </c>
      <c r="H20" s="56">
        <v>-139</v>
      </c>
      <c r="I20" s="55">
        <v>612</v>
      </c>
      <c r="J20" s="55">
        <v>268</v>
      </c>
      <c r="K20" s="55">
        <v>231</v>
      </c>
      <c r="L20" s="56">
        <v>499</v>
      </c>
      <c r="M20" s="55">
        <v>1040</v>
      </c>
      <c r="N20" s="55">
        <v>955</v>
      </c>
      <c r="O20" s="55">
        <v>705</v>
      </c>
      <c r="P20" s="56">
        <v>1660</v>
      </c>
      <c r="Q20" s="56">
        <v>2159</v>
      </c>
      <c r="R20" s="55">
        <v>510</v>
      </c>
      <c r="S20" s="55">
        <v>298</v>
      </c>
      <c r="T20" s="55">
        <v>227</v>
      </c>
      <c r="U20" s="56">
        <v>525</v>
      </c>
      <c r="V20" s="55">
        <v>850</v>
      </c>
      <c r="W20" s="55">
        <v>1169</v>
      </c>
      <c r="X20" s="55">
        <v>1002</v>
      </c>
      <c r="Y20" s="56">
        <v>2171</v>
      </c>
      <c r="Z20" s="56">
        <v>2696</v>
      </c>
      <c r="AA20" s="56">
        <v>-537</v>
      </c>
      <c r="AB20" s="56">
        <v>-676</v>
      </c>
      <c r="AC20" s="57">
        <v>180388</v>
      </c>
      <c r="AD20" s="57">
        <v>201988</v>
      </c>
      <c r="AE20" s="57">
        <v>212671</v>
      </c>
      <c r="AF20" s="58">
        <v>414659</v>
      </c>
    </row>
    <row r="21" spans="1:32" ht="20.100000000000001" customHeight="1" x14ac:dyDescent="0.2">
      <c r="A21" s="54">
        <v>4</v>
      </c>
      <c r="B21" s="55">
        <v>149</v>
      </c>
      <c r="C21" s="55">
        <v>106</v>
      </c>
      <c r="D21" s="56">
        <v>255</v>
      </c>
      <c r="E21" s="55">
        <v>178</v>
      </c>
      <c r="F21" s="55">
        <v>196</v>
      </c>
      <c r="G21" s="56">
        <v>374</v>
      </c>
      <c r="H21" s="56">
        <v>-119</v>
      </c>
      <c r="I21" s="55">
        <v>777</v>
      </c>
      <c r="J21" s="55">
        <v>286</v>
      </c>
      <c r="K21" s="55">
        <v>231</v>
      </c>
      <c r="L21" s="56">
        <v>517</v>
      </c>
      <c r="M21" s="55">
        <v>871</v>
      </c>
      <c r="N21" s="55">
        <v>828</v>
      </c>
      <c r="O21" s="55">
        <v>522</v>
      </c>
      <c r="P21" s="56">
        <v>1350</v>
      </c>
      <c r="Q21" s="56">
        <v>1867</v>
      </c>
      <c r="R21" s="55">
        <v>427</v>
      </c>
      <c r="S21" s="55">
        <v>199</v>
      </c>
      <c r="T21" s="55">
        <v>148</v>
      </c>
      <c r="U21" s="56">
        <v>347</v>
      </c>
      <c r="V21" s="55">
        <v>509</v>
      </c>
      <c r="W21" s="55">
        <v>636</v>
      </c>
      <c r="X21" s="55">
        <v>453</v>
      </c>
      <c r="Y21" s="56">
        <v>1089</v>
      </c>
      <c r="Z21" s="56">
        <v>1436</v>
      </c>
      <c r="AA21" s="56">
        <v>431</v>
      </c>
      <c r="AB21" s="56">
        <v>312</v>
      </c>
      <c r="AC21" s="57">
        <v>181100</v>
      </c>
      <c r="AD21" s="57">
        <v>202238</v>
      </c>
      <c r="AE21" s="57">
        <v>212733</v>
      </c>
      <c r="AF21" s="58">
        <v>414971</v>
      </c>
    </row>
    <row r="22" spans="1:32" ht="20.100000000000001" customHeight="1" x14ac:dyDescent="0.2">
      <c r="A22" s="54">
        <v>5</v>
      </c>
      <c r="B22" s="55">
        <v>94</v>
      </c>
      <c r="C22" s="55">
        <v>91</v>
      </c>
      <c r="D22" s="56">
        <v>185</v>
      </c>
      <c r="E22" s="55">
        <v>169</v>
      </c>
      <c r="F22" s="55">
        <v>229</v>
      </c>
      <c r="G22" s="56">
        <v>398</v>
      </c>
      <c r="H22" s="56">
        <v>-213</v>
      </c>
      <c r="I22" s="55">
        <v>298</v>
      </c>
      <c r="J22" s="55">
        <v>100</v>
      </c>
      <c r="K22" s="55">
        <v>105</v>
      </c>
      <c r="L22" s="56">
        <v>205</v>
      </c>
      <c r="M22" s="55">
        <v>202</v>
      </c>
      <c r="N22" s="55">
        <v>211</v>
      </c>
      <c r="O22" s="55">
        <v>134</v>
      </c>
      <c r="P22" s="56">
        <v>345</v>
      </c>
      <c r="Q22" s="56">
        <v>550</v>
      </c>
      <c r="R22" s="55">
        <v>355</v>
      </c>
      <c r="S22" s="55">
        <v>86</v>
      </c>
      <c r="T22" s="55">
        <v>106</v>
      </c>
      <c r="U22" s="56">
        <v>192</v>
      </c>
      <c r="V22" s="55">
        <v>158</v>
      </c>
      <c r="W22" s="55">
        <v>204</v>
      </c>
      <c r="X22" s="55">
        <v>146</v>
      </c>
      <c r="Y22" s="56">
        <v>350</v>
      </c>
      <c r="Z22" s="56">
        <v>542</v>
      </c>
      <c r="AA22" s="56">
        <v>8</v>
      </c>
      <c r="AB22" s="56">
        <v>-205</v>
      </c>
      <c r="AC22" s="57">
        <v>180997</v>
      </c>
      <c r="AD22" s="57">
        <v>202184</v>
      </c>
      <c r="AE22" s="57">
        <v>212582</v>
      </c>
      <c r="AF22" s="58">
        <v>414766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490</v>
      </c>
      <c r="C30" s="70">
        <v>428</v>
      </c>
      <c r="D30" s="70">
        <v>918</v>
      </c>
      <c r="E30" s="70">
        <v>800</v>
      </c>
      <c r="F30" s="70">
        <v>817</v>
      </c>
      <c r="G30" s="70">
        <v>1617</v>
      </c>
      <c r="H30" s="70">
        <v>-699</v>
      </c>
      <c r="I30" s="70">
        <v>2023</v>
      </c>
      <c r="J30" s="70">
        <v>775</v>
      </c>
      <c r="K30" s="70">
        <v>694</v>
      </c>
      <c r="L30" s="70">
        <v>1469</v>
      </c>
      <c r="M30" s="70">
        <v>2594</v>
      </c>
      <c r="N30" s="70">
        <v>2386</v>
      </c>
      <c r="O30" s="70">
        <v>1645</v>
      </c>
      <c r="P30" s="70">
        <v>4031</v>
      </c>
      <c r="Q30" s="70">
        <v>5500</v>
      </c>
      <c r="R30" s="70">
        <v>1671</v>
      </c>
      <c r="S30" s="70">
        <v>738</v>
      </c>
      <c r="T30" s="70">
        <v>603</v>
      </c>
      <c r="U30" s="70">
        <v>1341</v>
      </c>
      <c r="V30" s="70">
        <v>1880</v>
      </c>
      <c r="W30" s="70">
        <v>2363</v>
      </c>
      <c r="X30" s="70">
        <v>1891</v>
      </c>
      <c r="Y30" s="70">
        <v>4254</v>
      </c>
      <c r="Z30" s="70">
        <v>5595</v>
      </c>
      <c r="AA30" s="70">
        <v>-95</v>
      </c>
      <c r="AB30" s="70">
        <v>-794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36" x14ac:dyDescent="0.2">
      <c r="B33" s="74" t="s">
        <v>31</v>
      </c>
    </row>
    <row r="34" spans="2:36" hidden="1" x14ac:dyDescent="0.2">
      <c r="AF34" s="76">
        <v>1</v>
      </c>
      <c r="AG34" s="77">
        <v>180046</v>
      </c>
      <c r="AH34" s="77">
        <v>202380</v>
      </c>
      <c r="AI34" s="77">
        <v>213155</v>
      </c>
      <c r="AJ34" s="77">
        <v>415535</v>
      </c>
    </row>
    <row r="35" spans="2:36" hidden="1" x14ac:dyDescent="0.2">
      <c r="AF35" s="76">
        <v>2</v>
      </c>
      <c r="AG35" s="77">
        <v>180096</v>
      </c>
      <c r="AH35" s="77">
        <v>202307</v>
      </c>
      <c r="AI35" s="77">
        <v>213028</v>
      </c>
      <c r="AJ35" s="77">
        <v>415335</v>
      </c>
    </row>
    <row r="36" spans="2:36" hidden="1" x14ac:dyDescent="0.2">
      <c r="AF36" s="76">
        <v>3</v>
      </c>
      <c r="AG36" s="77">
        <v>180388</v>
      </c>
      <c r="AH36" s="77">
        <v>201988</v>
      </c>
      <c r="AI36" s="77">
        <v>212671</v>
      </c>
      <c r="AJ36" s="77">
        <v>414659</v>
      </c>
    </row>
    <row r="37" spans="2:36" hidden="1" x14ac:dyDescent="0.2">
      <c r="AF37" s="76">
        <v>4</v>
      </c>
      <c r="AG37" s="77">
        <v>181100</v>
      </c>
      <c r="AH37" s="77">
        <v>202238</v>
      </c>
      <c r="AI37" s="77">
        <v>212733</v>
      </c>
      <c r="AJ37" s="77">
        <v>414971</v>
      </c>
    </row>
    <row r="38" spans="2:36" hidden="1" x14ac:dyDescent="0.2">
      <c r="AF38" s="76">
        <v>5</v>
      </c>
      <c r="AG38" s="77" t="s">
        <v>29</v>
      </c>
      <c r="AH38" s="77" t="s">
        <v>29</v>
      </c>
      <c r="AI38" s="77" t="s">
        <v>29</v>
      </c>
      <c r="AJ38" s="77">
        <v>0</v>
      </c>
    </row>
    <row r="39" spans="2:36" hidden="1" x14ac:dyDescent="0.2">
      <c r="AF39" s="76">
        <v>6</v>
      </c>
      <c r="AG39" s="77" t="s">
        <v>29</v>
      </c>
      <c r="AH39" s="77" t="s">
        <v>29</v>
      </c>
      <c r="AI39" s="77" t="s">
        <v>29</v>
      </c>
      <c r="AJ39" s="77">
        <v>0</v>
      </c>
    </row>
    <row r="40" spans="2:36" hidden="1" x14ac:dyDescent="0.2">
      <c r="AF40" s="76">
        <v>7</v>
      </c>
      <c r="AG40" s="77" t="s">
        <v>29</v>
      </c>
      <c r="AH40" s="77" t="s">
        <v>29</v>
      </c>
      <c r="AI40" s="77" t="s">
        <v>29</v>
      </c>
      <c r="AJ40" s="77">
        <v>0</v>
      </c>
    </row>
    <row r="41" spans="2:36" hidden="1" x14ac:dyDescent="0.2">
      <c r="AF41" s="76">
        <v>8</v>
      </c>
      <c r="AG41" s="77" t="s">
        <v>29</v>
      </c>
      <c r="AH41" s="77" t="s">
        <v>29</v>
      </c>
      <c r="AI41" s="77" t="s">
        <v>29</v>
      </c>
      <c r="AJ41" s="77">
        <v>0</v>
      </c>
    </row>
    <row r="42" spans="2:36" hidden="1" x14ac:dyDescent="0.2">
      <c r="AF42" s="76">
        <v>9</v>
      </c>
      <c r="AG42" s="77" t="s">
        <v>29</v>
      </c>
      <c r="AH42" s="77" t="s">
        <v>29</v>
      </c>
      <c r="AI42" s="77" t="s">
        <v>29</v>
      </c>
      <c r="AJ42" s="77">
        <v>0</v>
      </c>
    </row>
    <row r="43" spans="2:36" hidden="1" x14ac:dyDescent="0.2">
      <c r="AF43" s="76">
        <v>10</v>
      </c>
      <c r="AG43" s="77" t="s">
        <v>29</v>
      </c>
      <c r="AH43" s="77" t="s">
        <v>29</v>
      </c>
      <c r="AI43" s="77" t="s">
        <v>29</v>
      </c>
      <c r="AJ43" s="77">
        <v>0</v>
      </c>
    </row>
    <row r="44" spans="2:36" hidden="1" x14ac:dyDescent="0.2">
      <c r="AF44" s="76">
        <v>11</v>
      </c>
      <c r="AG44" s="77" t="s">
        <v>29</v>
      </c>
      <c r="AH44" s="77" t="s">
        <v>29</v>
      </c>
      <c r="AI44" s="77" t="s">
        <v>29</v>
      </c>
      <c r="AJ44" s="77">
        <v>0</v>
      </c>
    </row>
    <row r="45" spans="2:36" hidden="1" x14ac:dyDescent="0.2">
      <c r="AF45" s="76">
        <v>12</v>
      </c>
      <c r="AG45" s="77" t="s">
        <v>29</v>
      </c>
      <c r="AH45" s="77" t="s">
        <v>29</v>
      </c>
      <c r="AI45" s="77" t="s">
        <v>29</v>
      </c>
      <c r="AJ45" s="77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67" orientation="landscape" blackAndWhite="1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6-02T01:29:50Z</dcterms:created>
  <dcterms:modified xsi:type="dcterms:W3CDTF">2020-06-02T01:29:51Z</dcterms:modified>
</cp:coreProperties>
</file>